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885899\OneDrive - Archer Daniels Midland Company\Desktop\Spreadsheets\"/>
    </mc:Choice>
  </mc:AlternateContent>
  <bookViews>
    <workbookView xWindow="0" yWindow="0" windowWidth="19200" windowHeight="6730" activeTab="1"/>
  </bookViews>
  <sheets>
    <sheet name="Sheet1" sheetId="1" r:id="rId1"/>
    <sheet name="Sheet2" sheetId="2" r:id="rId2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7" uniqueCount="49">
  <si>
    <t>F&amp;B</t>
  </si>
  <si>
    <t>Malta</t>
  </si>
  <si>
    <t>FS</t>
  </si>
  <si>
    <t>Itália</t>
  </si>
  <si>
    <t>Espanha</t>
  </si>
  <si>
    <t>Holanda</t>
  </si>
  <si>
    <t>Dinamarca</t>
  </si>
  <si>
    <t>Rep. Tcheca</t>
  </si>
  <si>
    <t>Polônia</t>
  </si>
  <si>
    <t>Bulgária</t>
  </si>
  <si>
    <t>Reino Unido</t>
  </si>
  <si>
    <t>Permitido (opinião formal das autoridades disponível)</t>
  </si>
  <si>
    <t xml:space="preserve">Evidências informais de aceitação </t>
  </si>
  <si>
    <t>Não permitido</t>
  </si>
  <si>
    <t>Uso do termo "Probióticos"</t>
  </si>
  <si>
    <t>Outros países-membro</t>
  </si>
  <si>
    <t>General mapping EU: Claim "Probiotics"</t>
  </si>
  <si>
    <t>Portugal</t>
  </si>
  <si>
    <t>Ministero della Salute</t>
  </si>
  <si>
    <t>Agencia Española de Seguridad Alimentaria y Nutrición (AESAN)</t>
  </si>
  <si>
    <t>Dutch Food and Consumer Product Safety Authority (NVWA)</t>
  </si>
  <si>
    <t>Danish Authorities</t>
  </si>
  <si>
    <t>Czech Agriculture and Food Inspection Authority (SZPI)</t>
  </si>
  <si>
    <t xml:space="preserve"> - </t>
  </si>
  <si>
    <t>República Tcheca</t>
  </si>
  <si>
    <t>Bélgica</t>
  </si>
  <si>
    <t>França</t>
  </si>
  <si>
    <t>Possui regulação específica para probióticos?</t>
  </si>
  <si>
    <t>Publicado por</t>
  </si>
  <si>
    <t>Publicado em</t>
  </si>
  <si>
    <t>Escopo</t>
  </si>
  <si>
    <t>Definição</t>
  </si>
  <si>
    <t>Alegação "Probióticos" / "Contém Probióticos"</t>
  </si>
  <si>
    <t>Alegação de saúde / propriedade funcional</t>
  </si>
  <si>
    <t>Sim</t>
  </si>
  <si>
    <t>Não</t>
  </si>
  <si>
    <t>Março / 2018</t>
  </si>
  <si>
    <t>Outubro / 2020</t>
  </si>
  <si>
    <t>Março / 2021</t>
  </si>
  <si>
    <t>Maio / 2021</t>
  </si>
  <si>
    <t>Suplementos e Alimentos Convencionais</t>
  </si>
  <si>
    <t>Suplementos e Alimentos Convencionais (alegação de probióticos apenas para suplementos)</t>
  </si>
  <si>
    <t>Suplementos</t>
  </si>
  <si>
    <t xml:space="preserve">FAO/WHO </t>
  </si>
  <si>
    <r>
      <t xml:space="preserve">Não segue a definição FAO/WHO
</t>
    </r>
    <r>
      <rPr>
        <i/>
        <sz val="10"/>
        <rFont val="Calibri"/>
        <family val="2"/>
        <scheme val="minor"/>
      </rPr>
      <t/>
    </r>
  </si>
  <si>
    <t xml:space="preserve">Permitida. </t>
  </si>
  <si>
    <t>Permitida para Suplementos</t>
  </si>
  <si>
    <t>Sob discussão</t>
  </si>
  <si>
    <t xml:space="preserve">Sim, sem definição formal das autoridades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b/>
      <sz val="9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4"/>
      <color theme="0"/>
      <name val="Calibri"/>
      <family val="2"/>
      <scheme val="minor"/>
    </font>
    <font>
      <b/>
      <sz val="10"/>
      <color theme="0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b/>
      <u/>
      <sz val="10"/>
      <color theme="1"/>
      <name val="Calibri"/>
      <family val="2"/>
      <scheme val="minor"/>
    </font>
    <font>
      <i/>
      <sz val="10"/>
      <name val="Calibri"/>
      <family val="2"/>
      <scheme val="minor"/>
    </font>
    <font>
      <u/>
      <sz val="11"/>
      <color theme="10"/>
      <name val="Calibri"/>
      <family val="2"/>
      <scheme val="minor"/>
    </font>
  </fonts>
  <fills count="8">
    <fill>
      <patternFill patternType="none"/>
    </fill>
    <fill>
      <patternFill patternType="gray125"/>
    </fill>
    <fill>
      <patternFill patternType="solid">
        <fgColor rgb="FF00B050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8" tint="-0.249977111117893"/>
        <bgColor indexed="64"/>
      </patternFill>
    </fill>
    <fill>
      <patternFill patternType="solid">
        <fgColor theme="0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2" fillId="0" borderId="0" applyNumberFormat="0" applyFill="0" applyBorder="0" applyAlignment="0" applyProtection="0"/>
  </cellStyleXfs>
  <cellXfs count="31">
    <xf numFmtId="0" fontId="0" fillId="0" borderId="0" xfId="0"/>
    <xf numFmtId="0" fontId="1" fillId="0" borderId="0" xfId="0" applyFont="1"/>
    <xf numFmtId="0" fontId="0" fillId="2" borderId="1" xfId="0" applyFill="1" applyBorder="1"/>
    <xf numFmtId="0" fontId="3" fillId="3" borderId="1" xfId="0" applyFont="1" applyFill="1" applyBorder="1" applyAlignment="1">
      <alignment horizontal="center" vertical="center"/>
    </xf>
    <xf numFmtId="0" fontId="3" fillId="3" borderId="1" xfId="0" applyFont="1" applyFill="1" applyBorder="1" applyAlignment="1">
      <alignment horizontal="center" vertical="center" wrapText="1"/>
    </xf>
    <xf numFmtId="0" fontId="0" fillId="4" borderId="1" xfId="0" applyFill="1" applyBorder="1"/>
    <xf numFmtId="0" fontId="0" fillId="5" borderId="1" xfId="0" applyFill="1" applyBorder="1"/>
    <xf numFmtId="0" fontId="0" fillId="2" borderId="1" xfId="0" applyFill="1" applyBorder="1" applyAlignment="1">
      <alignment wrapText="1"/>
    </xf>
    <xf numFmtId="0" fontId="2" fillId="0" borderId="1" xfId="0" applyFont="1" applyBorder="1" applyAlignment="1">
      <alignment horizontal="center" vertical="center" wrapText="1"/>
    </xf>
    <xf numFmtId="0" fontId="0" fillId="4" borderId="1" xfId="0" applyFill="1" applyBorder="1" applyAlignment="1">
      <alignment wrapText="1"/>
    </xf>
    <xf numFmtId="0" fontId="0" fillId="5" borderId="1" xfId="0" applyFill="1" applyBorder="1" applyAlignment="1">
      <alignment wrapText="1"/>
    </xf>
    <xf numFmtId="0" fontId="4" fillId="0" borderId="0" xfId="0" applyFont="1"/>
    <xf numFmtId="0" fontId="5" fillId="3" borderId="0" xfId="0" applyFont="1" applyFill="1" applyAlignment="1">
      <alignment horizontal="center" vertical="center"/>
    </xf>
    <xf numFmtId="0" fontId="6" fillId="3" borderId="1" xfId="0" applyFont="1" applyFill="1" applyBorder="1" applyAlignment="1">
      <alignment horizontal="center" vertical="center"/>
    </xf>
    <xf numFmtId="0" fontId="6" fillId="3" borderId="1" xfId="0" applyFont="1" applyFill="1" applyBorder="1" applyAlignment="1">
      <alignment horizontal="center" vertical="center" wrapText="1"/>
    </xf>
    <xf numFmtId="0" fontId="6" fillId="6" borderId="1" xfId="0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8" fillId="7" borderId="1" xfId="0" applyFont="1" applyFill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/>
    </xf>
    <xf numFmtId="0" fontId="4" fillId="7" borderId="1" xfId="0" applyFont="1" applyFill="1" applyBorder="1" applyAlignment="1">
      <alignment horizontal="center" vertical="center"/>
    </xf>
    <xf numFmtId="49" fontId="4" fillId="7" borderId="1" xfId="0" applyNumberFormat="1" applyFont="1" applyFill="1" applyBorder="1" applyAlignment="1">
      <alignment horizontal="center" vertical="center"/>
    </xf>
    <xf numFmtId="0" fontId="6" fillId="6" borderId="1" xfId="0" applyFont="1" applyFill="1" applyBorder="1" applyAlignment="1">
      <alignment horizontal="center" vertical="center"/>
    </xf>
    <xf numFmtId="0" fontId="8" fillId="0" borderId="1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9" fillId="7" borderId="1" xfId="0" applyFont="1" applyFill="1" applyBorder="1" applyAlignment="1">
      <alignment horizontal="center" vertical="center" wrapText="1"/>
    </xf>
    <xf numFmtId="0" fontId="12" fillId="0" borderId="0" xfId="1"/>
    <xf numFmtId="0" fontId="4" fillId="0" borderId="0" xfId="0" applyFont="1" applyAlignment="1">
      <alignment wrapText="1"/>
    </xf>
    <xf numFmtId="0" fontId="10" fillId="7" borderId="1" xfId="0" applyFont="1" applyFill="1" applyBorder="1" applyAlignment="1">
      <alignment horizontal="center" vertical="center" wrapText="1"/>
    </xf>
    <xf numFmtId="0" fontId="7" fillId="0" borderId="1" xfId="0" applyFont="1" applyBorder="1" applyAlignment="1">
      <alignment vertical="center" wrapText="1"/>
    </xf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N14"/>
  <sheetViews>
    <sheetView showGridLines="0" workbookViewId="0">
      <selection activeCell="C8" sqref="C8"/>
    </sheetView>
  </sheetViews>
  <sheetFormatPr defaultRowHeight="14.5" x14ac:dyDescent="0.35"/>
  <cols>
    <col min="3" max="3" width="19.36328125" customWidth="1"/>
    <col min="15" max="15" width="37.54296875" customWidth="1"/>
  </cols>
  <sheetData>
    <row r="2" spans="2:14" x14ac:dyDescent="0.35">
      <c r="I2" s="1" t="s">
        <v>14</v>
      </c>
    </row>
    <row r="3" spans="2:14" x14ac:dyDescent="0.35">
      <c r="E3" s="1" t="s">
        <v>0</v>
      </c>
      <c r="F3" s="1"/>
      <c r="H3" s="1"/>
      <c r="I3" s="1"/>
      <c r="J3" s="1"/>
      <c r="K3" s="1"/>
      <c r="L3" s="1"/>
    </row>
    <row r="4" spans="2:14" ht="36" x14ac:dyDescent="0.35">
      <c r="E4" s="3" t="s">
        <v>3</v>
      </c>
      <c r="F4" s="3" t="s">
        <v>4</v>
      </c>
      <c r="G4" s="3" t="s">
        <v>5</v>
      </c>
      <c r="H4" s="3" t="s">
        <v>6</v>
      </c>
      <c r="I4" s="3" t="s">
        <v>7</v>
      </c>
      <c r="J4" s="3" t="s">
        <v>8</v>
      </c>
      <c r="K4" s="3" t="s">
        <v>9</v>
      </c>
      <c r="L4" s="3" t="s">
        <v>1</v>
      </c>
      <c r="M4" s="4" t="s">
        <v>15</v>
      </c>
      <c r="N4" s="4" t="s">
        <v>10</v>
      </c>
    </row>
    <row r="5" spans="2:14" x14ac:dyDescent="0.35">
      <c r="E5" s="2"/>
      <c r="F5" s="2"/>
      <c r="G5" s="6"/>
      <c r="H5" s="6"/>
      <c r="I5" s="5"/>
      <c r="J5" s="5"/>
      <c r="K5" s="5"/>
      <c r="L5" s="5"/>
      <c r="M5" s="6"/>
      <c r="N5" s="6"/>
    </row>
    <row r="7" spans="2:14" x14ac:dyDescent="0.35">
      <c r="E7" s="1" t="s">
        <v>2</v>
      </c>
      <c r="F7" s="1"/>
      <c r="H7" s="1"/>
      <c r="I7" s="1"/>
      <c r="J7" s="1"/>
      <c r="K7" s="1"/>
      <c r="L7" s="1"/>
    </row>
    <row r="8" spans="2:14" ht="36" x14ac:dyDescent="0.35">
      <c r="E8" s="3" t="s">
        <v>3</v>
      </c>
      <c r="F8" s="3" t="s">
        <v>4</v>
      </c>
      <c r="G8" s="3" t="s">
        <v>5</v>
      </c>
      <c r="H8" s="3" t="s">
        <v>6</v>
      </c>
      <c r="I8" s="3" t="s">
        <v>7</v>
      </c>
      <c r="J8" s="3" t="s">
        <v>8</v>
      </c>
      <c r="K8" s="3" t="s">
        <v>9</v>
      </c>
      <c r="L8" s="3" t="s">
        <v>1</v>
      </c>
      <c r="M8" s="4" t="s">
        <v>15</v>
      </c>
      <c r="N8" s="4" t="s">
        <v>10</v>
      </c>
    </row>
    <row r="9" spans="2:14" x14ac:dyDescent="0.35">
      <c r="E9" s="2"/>
      <c r="F9" s="2"/>
      <c r="G9" s="2"/>
      <c r="H9" s="2"/>
      <c r="I9" s="5"/>
      <c r="J9" s="5"/>
      <c r="K9" s="5"/>
      <c r="L9" s="5"/>
      <c r="M9" s="6"/>
      <c r="N9" s="6"/>
    </row>
    <row r="12" spans="2:14" ht="24" x14ac:dyDescent="0.35">
      <c r="B12" s="7"/>
      <c r="C12" s="8" t="s">
        <v>11</v>
      </c>
    </row>
    <row r="13" spans="2:14" ht="24" x14ac:dyDescent="0.35">
      <c r="B13" s="9"/>
      <c r="C13" s="8" t="s">
        <v>12</v>
      </c>
    </row>
    <row r="14" spans="2:14" x14ac:dyDescent="0.35">
      <c r="B14" s="10"/>
      <c r="C14" s="8" t="s">
        <v>13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O14"/>
  <sheetViews>
    <sheetView showGridLines="0" tabSelected="1" zoomScale="60" zoomScaleNormal="60" workbookViewId="0">
      <selection activeCell="A6" sqref="A6"/>
    </sheetView>
  </sheetViews>
  <sheetFormatPr defaultColWidth="11.54296875" defaultRowHeight="13" x14ac:dyDescent="0.3"/>
  <cols>
    <col min="1" max="1" width="6.1796875" style="11" customWidth="1"/>
    <col min="2" max="2" width="18.6328125" style="11" customWidth="1"/>
    <col min="3" max="3" width="45.81640625" style="11" customWidth="1"/>
    <col min="4" max="4" width="45.90625" style="11" customWidth="1"/>
    <col min="5" max="6" width="50.81640625" style="11" customWidth="1"/>
    <col min="7" max="15" width="45.81640625" style="11" customWidth="1"/>
    <col min="16" max="16384" width="11.54296875" style="11"/>
  </cols>
  <sheetData>
    <row r="2" spans="2:15" ht="18.5" x14ac:dyDescent="0.3">
      <c r="C2" s="12" t="s">
        <v>16</v>
      </c>
      <c r="D2" s="12"/>
      <c r="E2" s="12"/>
      <c r="F2" s="12"/>
      <c r="G2" s="12"/>
      <c r="H2" s="12"/>
      <c r="I2" s="12"/>
      <c r="J2" s="12"/>
      <c r="K2" s="12"/>
      <c r="L2" s="12"/>
      <c r="M2" s="12"/>
      <c r="N2" s="12"/>
      <c r="O2" s="12"/>
    </row>
    <row r="5" spans="2:15" x14ac:dyDescent="0.3">
      <c r="C5" s="13" t="s">
        <v>3</v>
      </c>
      <c r="D5" s="13" t="s">
        <v>4</v>
      </c>
      <c r="E5" s="13" t="s">
        <v>5</v>
      </c>
      <c r="F5" s="13" t="s">
        <v>6</v>
      </c>
      <c r="G5" s="13" t="s">
        <v>24</v>
      </c>
      <c r="H5" s="13" t="s">
        <v>8</v>
      </c>
      <c r="I5" s="14" t="s">
        <v>9</v>
      </c>
      <c r="J5" s="14" t="s">
        <v>1</v>
      </c>
      <c r="K5" s="14" t="s">
        <v>25</v>
      </c>
      <c r="L5" s="14" t="s">
        <v>26</v>
      </c>
      <c r="M5" s="14" t="s">
        <v>17</v>
      </c>
      <c r="N5" s="14" t="s">
        <v>15</v>
      </c>
      <c r="O5" s="14" t="s">
        <v>10</v>
      </c>
    </row>
    <row r="6" spans="2:15" ht="39" x14ac:dyDescent="0.3">
      <c r="B6" s="15" t="s">
        <v>27</v>
      </c>
      <c r="C6" s="24" t="s">
        <v>34</v>
      </c>
      <c r="D6" s="24" t="s">
        <v>34</v>
      </c>
      <c r="E6" s="24" t="s">
        <v>34</v>
      </c>
      <c r="F6" s="24" t="s">
        <v>34</v>
      </c>
      <c r="G6" s="24" t="s">
        <v>34</v>
      </c>
      <c r="H6" s="19" t="s">
        <v>35</v>
      </c>
      <c r="I6" s="19" t="s">
        <v>35</v>
      </c>
      <c r="J6" s="19" t="s">
        <v>35</v>
      </c>
      <c r="K6" s="19" t="s">
        <v>35</v>
      </c>
      <c r="L6" s="19" t="s">
        <v>35</v>
      </c>
      <c r="M6" s="19" t="s">
        <v>35</v>
      </c>
      <c r="N6" s="19" t="s">
        <v>35</v>
      </c>
      <c r="O6" s="19" t="s">
        <v>35</v>
      </c>
    </row>
    <row r="7" spans="2:15" ht="26" x14ac:dyDescent="0.3">
      <c r="B7" s="15" t="s">
        <v>28</v>
      </c>
      <c r="C7" s="16" t="s">
        <v>18</v>
      </c>
      <c r="D7" s="16" t="s">
        <v>19</v>
      </c>
      <c r="E7" s="17" t="s">
        <v>20</v>
      </c>
      <c r="F7" s="20" t="s">
        <v>21</v>
      </c>
      <c r="G7" s="18" t="s">
        <v>22</v>
      </c>
      <c r="H7" s="17" t="s">
        <v>23</v>
      </c>
      <c r="I7" s="17" t="s">
        <v>23</v>
      </c>
      <c r="J7" s="17" t="s">
        <v>23</v>
      </c>
      <c r="K7" s="17" t="s">
        <v>23</v>
      </c>
      <c r="L7" s="17" t="s">
        <v>23</v>
      </c>
      <c r="M7" s="17" t="s">
        <v>23</v>
      </c>
      <c r="N7" s="17" t="s">
        <v>23</v>
      </c>
      <c r="O7" s="17" t="s">
        <v>23</v>
      </c>
    </row>
    <row r="8" spans="2:15" x14ac:dyDescent="0.3">
      <c r="B8" s="15" t="s">
        <v>29</v>
      </c>
      <c r="C8" s="16" t="s">
        <v>36</v>
      </c>
      <c r="D8" s="17" t="s">
        <v>37</v>
      </c>
      <c r="E8" s="17" t="s">
        <v>38</v>
      </c>
      <c r="F8" s="21" t="s">
        <v>39</v>
      </c>
      <c r="G8" s="18">
        <v>2018</v>
      </c>
      <c r="H8" s="17" t="s">
        <v>23</v>
      </c>
      <c r="I8" s="17" t="s">
        <v>23</v>
      </c>
      <c r="J8" s="17" t="s">
        <v>23</v>
      </c>
      <c r="K8" s="17" t="s">
        <v>23</v>
      </c>
      <c r="L8" s="17" t="s">
        <v>23</v>
      </c>
      <c r="M8" s="17" t="s">
        <v>23</v>
      </c>
      <c r="N8" s="17" t="s">
        <v>23</v>
      </c>
      <c r="O8" s="17" t="s">
        <v>23</v>
      </c>
    </row>
    <row r="9" spans="2:15" ht="26" x14ac:dyDescent="0.3">
      <c r="B9" s="15" t="s">
        <v>30</v>
      </c>
      <c r="C9" s="16" t="s">
        <v>40</v>
      </c>
      <c r="D9" s="16" t="s">
        <v>40</v>
      </c>
      <c r="E9" s="16" t="s">
        <v>41</v>
      </c>
      <c r="F9" s="20" t="s">
        <v>42</v>
      </c>
      <c r="G9" s="16" t="s">
        <v>40</v>
      </c>
      <c r="H9" s="17" t="s">
        <v>23</v>
      </c>
      <c r="I9" s="17" t="s">
        <v>23</v>
      </c>
      <c r="J9" s="17" t="s">
        <v>23</v>
      </c>
      <c r="K9" s="17" t="s">
        <v>23</v>
      </c>
      <c r="L9" s="17" t="s">
        <v>23</v>
      </c>
      <c r="M9" s="17" t="s">
        <v>23</v>
      </c>
      <c r="N9" s="17" t="s">
        <v>23</v>
      </c>
      <c r="O9" s="17" t="s">
        <v>23</v>
      </c>
    </row>
    <row r="10" spans="2:15" ht="26" x14ac:dyDescent="0.3">
      <c r="B10" s="22" t="s">
        <v>31</v>
      </c>
      <c r="C10" s="23" t="s">
        <v>44</v>
      </c>
      <c r="D10" s="23" t="s">
        <v>44</v>
      </c>
      <c r="E10" s="23" t="s">
        <v>43</v>
      </c>
      <c r="F10" s="23" t="s">
        <v>43</v>
      </c>
      <c r="G10" s="23" t="s">
        <v>43</v>
      </c>
      <c r="H10" s="23" t="s">
        <v>43</v>
      </c>
      <c r="I10" s="23" t="s">
        <v>43</v>
      </c>
      <c r="J10" s="23" t="s">
        <v>43</v>
      </c>
      <c r="K10" s="23" t="s">
        <v>43</v>
      </c>
      <c r="L10" s="23" t="s">
        <v>43</v>
      </c>
      <c r="M10" s="23" t="s">
        <v>43</v>
      </c>
      <c r="N10" s="23" t="s">
        <v>43</v>
      </c>
      <c r="O10" s="17" t="s">
        <v>23</v>
      </c>
    </row>
    <row r="11" spans="2:15" ht="39" x14ac:dyDescent="0.3">
      <c r="B11" s="15" t="s">
        <v>32</v>
      </c>
      <c r="C11" s="25" t="s">
        <v>45</v>
      </c>
      <c r="D11" s="25" t="s">
        <v>45</v>
      </c>
      <c r="E11" s="24" t="s">
        <v>46</v>
      </c>
      <c r="F11" s="29" t="s">
        <v>46</v>
      </c>
      <c r="G11" s="26" t="s">
        <v>47</v>
      </c>
      <c r="H11" s="30" t="s">
        <v>48</v>
      </c>
      <c r="I11" s="30" t="s">
        <v>48</v>
      </c>
      <c r="J11" s="30" t="s">
        <v>48</v>
      </c>
      <c r="K11" s="30" t="s">
        <v>35</v>
      </c>
      <c r="L11" s="30" t="s">
        <v>35</v>
      </c>
      <c r="M11" s="30" t="s">
        <v>35</v>
      </c>
      <c r="N11" s="24" t="s">
        <v>35</v>
      </c>
      <c r="O11" s="24" t="s">
        <v>35</v>
      </c>
    </row>
    <row r="12" spans="2:15" ht="26" x14ac:dyDescent="0.3">
      <c r="B12" s="15" t="s">
        <v>33</v>
      </c>
      <c r="C12" s="25" t="s">
        <v>34</v>
      </c>
      <c r="D12" s="19" t="s">
        <v>35</v>
      </c>
      <c r="E12" s="19" t="s">
        <v>35</v>
      </c>
      <c r="F12" s="19" t="s">
        <v>35</v>
      </c>
      <c r="G12" s="19" t="s">
        <v>35</v>
      </c>
      <c r="H12" s="19" t="s">
        <v>35</v>
      </c>
      <c r="I12" s="19" t="s">
        <v>35</v>
      </c>
      <c r="J12" s="19" t="s">
        <v>35</v>
      </c>
      <c r="K12" s="19" t="s">
        <v>35</v>
      </c>
      <c r="L12" s="19" t="s">
        <v>35</v>
      </c>
      <c r="M12" s="19" t="s">
        <v>35</v>
      </c>
      <c r="N12" s="19" t="s">
        <v>35</v>
      </c>
      <c r="O12" s="19" t="s">
        <v>35</v>
      </c>
    </row>
    <row r="13" spans="2:15" ht="14.5" x14ac:dyDescent="0.35">
      <c r="E13" s="27"/>
      <c r="F13" s="27"/>
      <c r="H13" s="28"/>
      <c r="I13" s="28"/>
      <c r="J13" s="28"/>
      <c r="K13" s="28"/>
      <c r="L13" s="28"/>
      <c r="M13" s="28"/>
      <c r="N13" s="28"/>
    </row>
    <row r="14" spans="2:15" ht="14.5" x14ac:dyDescent="0.35">
      <c r="C14" s="28"/>
      <c r="D14" s="27"/>
    </row>
  </sheetData>
  <mergeCells count="1">
    <mergeCell ref="C2:O2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heet1</vt:lpstr>
      <vt:lpstr>Sheet2</vt:lpstr>
    </vt:vector>
  </TitlesOfParts>
  <Company>ADM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perti, Gabriela</dc:creator>
  <cp:lastModifiedBy>Superti, Gabriela</cp:lastModifiedBy>
  <dcterms:created xsi:type="dcterms:W3CDTF">2021-08-02T15:29:23Z</dcterms:created>
  <dcterms:modified xsi:type="dcterms:W3CDTF">2021-08-02T15:44:25Z</dcterms:modified>
</cp:coreProperties>
</file>